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_定数外\05館運営\3　主催事業\01ふれあい館事業実行委員会（5年）\R6\サロンコンサート\募集関係\"/>
    </mc:Choice>
  </mc:AlternateContent>
  <bookViews>
    <workbookView xWindow="0" yWindow="0" windowWidth="23040" windowHeight="9384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" uniqueCount="38">
  <si>
    <t>グループ名</t>
    <rPh sb="4" eb="5">
      <t>メイ</t>
    </rPh>
    <phoneticPr fontId="1"/>
  </si>
  <si>
    <t>代表者名</t>
    <rPh sb="0" eb="3">
      <t>ダイヒョウシャ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携帯番号</t>
    <rPh sb="0" eb="2">
      <t>ケイタイ</t>
    </rPh>
    <rPh sb="2" eb="4">
      <t>バンゴウ</t>
    </rPh>
    <phoneticPr fontId="1"/>
  </si>
  <si>
    <t>住　　所</t>
    <rPh sb="0" eb="1">
      <t>ジュウ</t>
    </rPh>
    <rPh sb="3" eb="4">
      <t>ショ</t>
    </rPh>
    <phoneticPr fontId="1"/>
  </si>
  <si>
    <t>※１　希望日は、下記の実施可能日からお選びください。</t>
    <rPh sb="3" eb="6">
      <t>キボウビ</t>
    </rPh>
    <rPh sb="8" eb="10">
      <t>カキ</t>
    </rPh>
    <rPh sb="11" eb="13">
      <t>ジッシ</t>
    </rPh>
    <rPh sb="13" eb="15">
      <t>カノウ</t>
    </rPh>
    <rPh sb="15" eb="16">
      <t>ビ</t>
    </rPh>
    <rPh sb="19" eb="20">
      <t>エラ</t>
    </rPh>
    <phoneticPr fontId="1"/>
  </si>
  <si>
    <t>実施可能日（※１）</t>
    <rPh sb="0" eb="2">
      <t>ジッシ</t>
    </rPh>
    <rPh sb="2" eb="4">
      <t>カノウ</t>
    </rPh>
    <rPh sb="4" eb="5">
      <t>ビ</t>
    </rPh>
    <phoneticPr fontId="1"/>
  </si>
  <si>
    <t>ピアノ調律（※２）
対応可：●
対応不可：×</t>
    <rPh sb="3" eb="5">
      <t>チョウリツ</t>
    </rPh>
    <rPh sb="10" eb="12">
      <t>タイオウ</t>
    </rPh>
    <rPh sb="12" eb="13">
      <t>カ</t>
    </rPh>
    <rPh sb="16" eb="18">
      <t>タイオウ</t>
    </rPh>
    <rPh sb="18" eb="20">
      <t>フカ</t>
    </rPh>
    <phoneticPr fontId="1"/>
  </si>
  <si>
    <t>※２　ピアノ調律が必要な場合は、調律対応可な日をお選びください。</t>
    <rPh sb="6" eb="8">
      <t>チョウリツ</t>
    </rPh>
    <rPh sb="9" eb="11">
      <t>ヒツヨウ</t>
    </rPh>
    <rPh sb="12" eb="14">
      <t>バアイ</t>
    </rPh>
    <rPh sb="16" eb="18">
      <t>チョウリツ</t>
    </rPh>
    <rPh sb="18" eb="20">
      <t>タイオウ</t>
    </rPh>
    <rPh sb="20" eb="21">
      <t>カ</t>
    </rPh>
    <rPh sb="22" eb="23">
      <t>ビ</t>
    </rPh>
    <rPh sb="25" eb="26">
      <t>エラ</t>
    </rPh>
    <phoneticPr fontId="1"/>
  </si>
  <si>
    <t>（　　　　　　人　　）　　</t>
    <rPh sb="7" eb="8">
      <t>ニン</t>
    </rPh>
    <phoneticPr fontId="1"/>
  </si>
  <si>
    <t>　　原則、開演時間は１４時からとなります。</t>
    <rPh sb="2" eb="4">
      <t>ゲンソク</t>
    </rPh>
    <rPh sb="5" eb="7">
      <t>カイエン</t>
    </rPh>
    <rPh sb="7" eb="9">
      <t>ジカン</t>
    </rPh>
    <rPh sb="12" eb="13">
      <t>ジ</t>
    </rPh>
    <phoneticPr fontId="1"/>
  </si>
  <si>
    <t>【希望日】</t>
    <phoneticPr fontId="1"/>
  </si>
  <si>
    <t>　他団体と希望日が重複する場合は抽選となります。（※３）</t>
    <phoneticPr fontId="1"/>
  </si>
  <si>
    <t>　 　（抽選時間は4月上旬に連絡致します。抽選に参加できない場合は代理抽選可能です。）</t>
    <rPh sb="4" eb="6">
      <t>チュウセン</t>
    </rPh>
    <rPh sb="6" eb="8">
      <t>ジカン</t>
    </rPh>
    <rPh sb="10" eb="11">
      <t>ガツ</t>
    </rPh>
    <rPh sb="11" eb="13">
      <t>ジョウジュン</t>
    </rPh>
    <rPh sb="14" eb="17">
      <t>レンラクイタ</t>
    </rPh>
    <rPh sb="21" eb="23">
      <t>チュウセン</t>
    </rPh>
    <rPh sb="24" eb="26">
      <t>サンカ</t>
    </rPh>
    <rPh sb="30" eb="32">
      <t>バアイ</t>
    </rPh>
    <rPh sb="33" eb="35">
      <t>ダイリ</t>
    </rPh>
    <rPh sb="35" eb="37">
      <t>チュウセン</t>
    </rPh>
    <rPh sb="37" eb="39">
      <t>カノウ</t>
    </rPh>
    <phoneticPr fontId="1"/>
  </si>
  <si>
    <t>●</t>
    <phoneticPr fontId="1"/>
  </si>
  <si>
    <t>受　付　日</t>
    <rPh sb="0" eb="1">
      <t>ウケ</t>
    </rPh>
    <rPh sb="2" eb="3">
      <t>ツキ</t>
    </rPh>
    <rPh sb="4" eb="5">
      <t>ビ</t>
    </rPh>
    <phoneticPr fontId="1"/>
  </si>
  <si>
    <t>　　　（第１希望）　　　　　年　　　　　月　　　　　日　　　　　　ピアノ（ 要 ・ 不要 ）,　調律（ 要 ・ 不要 ）</t>
    <rPh sb="4" eb="5">
      <t>ダイ</t>
    </rPh>
    <rPh sb="6" eb="8">
      <t>キボウ</t>
    </rPh>
    <rPh sb="14" eb="15">
      <t>ネン</t>
    </rPh>
    <rPh sb="20" eb="21">
      <t>ガツ</t>
    </rPh>
    <rPh sb="26" eb="27">
      <t>ヒ</t>
    </rPh>
    <rPh sb="38" eb="39">
      <t>ヨウ</t>
    </rPh>
    <rPh sb="42" eb="44">
      <t>フヨウ</t>
    </rPh>
    <rPh sb="48" eb="50">
      <t>チョウリツ</t>
    </rPh>
    <phoneticPr fontId="1"/>
  </si>
  <si>
    <t>　　　（第２希望）　　　　　年　　　　　月　　　　　日　　　　　　ピアノ（ 要 ・ 不要 ）,　調律（ 要 ・ 不要 ）</t>
    <rPh sb="4" eb="5">
      <t>ダイ</t>
    </rPh>
    <rPh sb="6" eb="8">
      <t>キボウ</t>
    </rPh>
    <rPh sb="14" eb="15">
      <t>ネン</t>
    </rPh>
    <rPh sb="20" eb="21">
      <t>ガツ</t>
    </rPh>
    <rPh sb="26" eb="27">
      <t>ヒ</t>
    </rPh>
    <rPh sb="38" eb="39">
      <t>ヨウ</t>
    </rPh>
    <rPh sb="42" eb="44">
      <t>フヨウ</t>
    </rPh>
    <rPh sb="48" eb="50">
      <t>チョウリツ</t>
    </rPh>
    <phoneticPr fontId="1"/>
  </si>
  <si>
    <t>受付期間：令和６年３月１０日（日）　～　令和６年３月３１日（日）</t>
    <rPh sb="5" eb="7">
      <t>レイワ</t>
    </rPh>
    <rPh sb="8" eb="9">
      <t>ネン</t>
    </rPh>
    <rPh sb="15" eb="16">
      <t>ニチ</t>
    </rPh>
    <rPh sb="20" eb="22">
      <t>レイワ</t>
    </rPh>
    <rPh sb="30" eb="31">
      <t>ニチ</t>
    </rPh>
    <phoneticPr fontId="1"/>
  </si>
  <si>
    <t>令和６年度　サロンコンサート希望調査票</t>
    <rPh sb="0" eb="2">
      <t>レイワ</t>
    </rPh>
    <rPh sb="3" eb="5">
      <t>ネンド</t>
    </rPh>
    <rPh sb="5" eb="7">
      <t>ヘイネンド</t>
    </rPh>
    <rPh sb="14" eb="16">
      <t>キボウ</t>
    </rPh>
    <rPh sb="16" eb="19">
      <t>チョウサヒョウ</t>
    </rPh>
    <phoneticPr fontId="1"/>
  </si>
  <si>
    <t>令和6年6月2日（日）</t>
    <rPh sb="0" eb="2">
      <t>レイワ</t>
    </rPh>
    <rPh sb="3" eb="4">
      <t>ネン</t>
    </rPh>
    <rPh sb="5" eb="6">
      <t>ガツ</t>
    </rPh>
    <rPh sb="7" eb="8">
      <t>ヒ</t>
    </rPh>
    <rPh sb="9" eb="10">
      <t>ヒ</t>
    </rPh>
    <phoneticPr fontId="1"/>
  </si>
  <si>
    <t>令和6年6月23日（日）</t>
    <rPh sb="0" eb="2">
      <t>レイワ</t>
    </rPh>
    <rPh sb="3" eb="4">
      <t>ネン</t>
    </rPh>
    <rPh sb="5" eb="6">
      <t>ガツ</t>
    </rPh>
    <rPh sb="8" eb="9">
      <t>ヒ</t>
    </rPh>
    <rPh sb="10" eb="11">
      <t>ニチ</t>
    </rPh>
    <phoneticPr fontId="1"/>
  </si>
  <si>
    <t>令和6年7月15日（月・祝）</t>
    <rPh sb="0" eb="2">
      <t>レイワ</t>
    </rPh>
    <rPh sb="3" eb="4">
      <t>ネン</t>
    </rPh>
    <rPh sb="5" eb="6">
      <t>ガツ</t>
    </rPh>
    <rPh sb="8" eb="9">
      <t>ヒ</t>
    </rPh>
    <rPh sb="10" eb="11">
      <t>ゲツ</t>
    </rPh>
    <rPh sb="12" eb="13">
      <t>シュク</t>
    </rPh>
    <phoneticPr fontId="1"/>
  </si>
  <si>
    <t>令和6年8月4日（日）</t>
    <rPh sb="0" eb="2">
      <t>レイワ</t>
    </rPh>
    <rPh sb="3" eb="4">
      <t>ネン</t>
    </rPh>
    <rPh sb="5" eb="6">
      <t>ガツ</t>
    </rPh>
    <rPh sb="7" eb="8">
      <t>ヒ</t>
    </rPh>
    <rPh sb="9" eb="10">
      <t>ヒ</t>
    </rPh>
    <phoneticPr fontId="1"/>
  </si>
  <si>
    <t>令和6年10月27日（日）</t>
    <rPh sb="0" eb="2">
      <t>レイワ</t>
    </rPh>
    <rPh sb="3" eb="4">
      <t>ネン</t>
    </rPh>
    <rPh sb="6" eb="7">
      <t>ガツ</t>
    </rPh>
    <rPh sb="9" eb="10">
      <t>ヒ</t>
    </rPh>
    <rPh sb="11" eb="12">
      <t>ヒ</t>
    </rPh>
    <phoneticPr fontId="1"/>
  </si>
  <si>
    <t>令和6年12月22日（日）</t>
    <rPh sb="0" eb="2">
      <t>レイワ</t>
    </rPh>
    <rPh sb="3" eb="4">
      <t>ネン</t>
    </rPh>
    <rPh sb="6" eb="7">
      <t>ガツ</t>
    </rPh>
    <rPh sb="9" eb="10">
      <t>ヒ</t>
    </rPh>
    <rPh sb="11" eb="12">
      <t>ヒ</t>
    </rPh>
    <phoneticPr fontId="1"/>
  </si>
  <si>
    <t>令和7年1月26日（日）</t>
    <rPh sb="0" eb="2">
      <t>レイワ</t>
    </rPh>
    <rPh sb="3" eb="4">
      <t>ネン</t>
    </rPh>
    <rPh sb="5" eb="6">
      <t>ガツ</t>
    </rPh>
    <rPh sb="8" eb="9">
      <t>ヒ</t>
    </rPh>
    <rPh sb="10" eb="11">
      <t>ヒ</t>
    </rPh>
    <phoneticPr fontId="1"/>
  </si>
  <si>
    <t>令和7年2月2日（日）</t>
    <rPh sb="0" eb="2">
      <t>レイワ</t>
    </rPh>
    <rPh sb="3" eb="4">
      <t>ネン</t>
    </rPh>
    <rPh sb="5" eb="6">
      <t>ガツ</t>
    </rPh>
    <rPh sb="7" eb="8">
      <t>ヒ</t>
    </rPh>
    <rPh sb="9" eb="10">
      <t>ヒ</t>
    </rPh>
    <phoneticPr fontId="1"/>
  </si>
  <si>
    <t>令和7年3月16日（日）</t>
    <rPh sb="0" eb="2">
      <t>レイワ</t>
    </rPh>
    <rPh sb="3" eb="4">
      <t>ネン</t>
    </rPh>
    <rPh sb="5" eb="6">
      <t>ガツ</t>
    </rPh>
    <rPh sb="8" eb="9">
      <t>ヒ</t>
    </rPh>
    <rPh sb="10" eb="11">
      <t>ヒ</t>
    </rPh>
    <phoneticPr fontId="1"/>
  </si>
  <si>
    <t>令和6年10月5日（土）</t>
    <rPh sb="0" eb="2">
      <t>レイワ</t>
    </rPh>
    <rPh sb="3" eb="4">
      <t>ネン</t>
    </rPh>
    <rPh sb="6" eb="7">
      <t>ガツ</t>
    </rPh>
    <rPh sb="8" eb="9">
      <t>ヒ</t>
    </rPh>
    <rPh sb="10" eb="11">
      <t>ド</t>
    </rPh>
    <phoneticPr fontId="1"/>
  </si>
  <si>
    <t>●</t>
    <phoneticPr fontId="1"/>
  </si>
  <si>
    <t>※３　希望日が重複した場合の抽選日は、４月１４日（日）です。</t>
    <rPh sb="3" eb="5">
      <t>キボウ</t>
    </rPh>
    <rPh sb="5" eb="6">
      <t>ヒ</t>
    </rPh>
    <rPh sb="7" eb="9">
      <t>ジュウフク</t>
    </rPh>
    <rPh sb="11" eb="13">
      <t>バアイ</t>
    </rPh>
    <rPh sb="14" eb="17">
      <t>チュウセンビ</t>
    </rPh>
    <rPh sb="20" eb="21">
      <t>ガツ</t>
    </rPh>
    <rPh sb="23" eb="24">
      <t>ヒ</t>
    </rPh>
    <rPh sb="25" eb="26">
      <t>ヒ</t>
    </rPh>
    <phoneticPr fontId="1"/>
  </si>
  <si>
    <t>（※４）</t>
    <phoneticPr fontId="1"/>
  </si>
  <si>
    <t>（※４）</t>
    <phoneticPr fontId="1"/>
  </si>
  <si>
    <t>※４　隣接する施設の行事のため駐車場が混み合う可能性があります。</t>
    <rPh sb="3" eb="5">
      <t>リンセツ</t>
    </rPh>
    <rPh sb="7" eb="9">
      <t>シセツ</t>
    </rPh>
    <rPh sb="10" eb="12">
      <t>ギョウジ</t>
    </rPh>
    <rPh sb="15" eb="18">
      <t>チュウシャジョウ</t>
    </rPh>
    <rPh sb="19" eb="20">
      <t>コ</t>
    </rPh>
    <rPh sb="21" eb="22">
      <t>ア</t>
    </rPh>
    <rPh sb="23" eb="26">
      <t>カノウセイ</t>
    </rPh>
    <phoneticPr fontId="1"/>
  </si>
  <si>
    <t>×</t>
    <phoneticPr fontId="1"/>
  </si>
  <si>
    <t>×</t>
    <phoneticPr fontId="1"/>
  </si>
  <si>
    <t>×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FF0000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  <font>
      <sz val="1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0" borderId="9" xfId="0" applyBorder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4" fillId="0" borderId="0" xfId="0" applyFont="1">
      <alignment vertical="center"/>
    </xf>
    <xf numFmtId="0" fontId="0" fillId="0" borderId="10" xfId="0" applyBorder="1" applyAlignment="1">
      <alignment horizontal="center" vertical="center" wrapText="1"/>
    </xf>
    <xf numFmtId="0" fontId="0" fillId="0" borderId="2" xfId="0" applyBorder="1" applyAlignment="1">
      <alignment vertical="center"/>
    </xf>
    <xf numFmtId="0" fontId="3" fillId="0" borderId="2" xfId="0" applyFont="1" applyBorder="1" applyAlignment="1">
      <alignment vertical="top"/>
    </xf>
    <xf numFmtId="0" fontId="3" fillId="0" borderId="0" xfId="0" applyFont="1" applyBorder="1" applyAlignment="1">
      <alignment vertical="center"/>
    </xf>
    <xf numFmtId="0" fontId="0" fillId="0" borderId="8" xfId="0" applyNumberForma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0" fillId="0" borderId="12" xfId="0" applyNumberFormat="1" applyFill="1" applyBorder="1" applyAlignment="1">
      <alignment horizontal="center" vertical="center"/>
    </xf>
    <xf numFmtId="0" fontId="6" fillId="0" borderId="7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top"/>
    </xf>
    <xf numFmtId="0" fontId="2" fillId="0" borderId="0" xfId="0" applyFont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0" fillId="0" borderId="3" xfId="0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0" fontId="0" fillId="0" borderId="4" xfId="0" applyBorder="1" applyAlignment="1">
      <alignment horizontal="right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E133"/>
  <sheetViews>
    <sheetView tabSelected="1" topLeftCell="A20" zoomScale="130" zoomScaleNormal="130" workbookViewId="0">
      <selection activeCell="D23" sqref="D23"/>
    </sheetView>
  </sheetViews>
  <sheetFormatPr defaultRowHeight="30.6" customHeight="1" x14ac:dyDescent="0.2"/>
  <cols>
    <col min="1" max="1" width="3" customWidth="1"/>
    <col min="2" max="2" width="21.6640625" customWidth="1"/>
    <col min="3" max="5" width="20.77734375" customWidth="1"/>
  </cols>
  <sheetData>
    <row r="1" spans="2:5" ht="30.6" customHeight="1" x14ac:dyDescent="0.2">
      <c r="B1" s="9" t="s">
        <v>18</v>
      </c>
    </row>
    <row r="2" spans="2:5" ht="33.6" customHeight="1" x14ac:dyDescent="0.2"/>
    <row r="3" spans="2:5" ht="30.6" customHeight="1" x14ac:dyDescent="0.2">
      <c r="B3" s="22" t="s">
        <v>19</v>
      </c>
      <c r="C3" s="22"/>
      <c r="D3" s="22"/>
      <c r="E3" s="22"/>
    </row>
    <row r="4" spans="2:5" ht="12.6" customHeight="1" x14ac:dyDescent="0.2"/>
    <row r="5" spans="2:5" ht="30.6" customHeight="1" x14ac:dyDescent="0.2">
      <c r="B5" s="2" t="s">
        <v>0</v>
      </c>
      <c r="C5" s="24" t="s">
        <v>9</v>
      </c>
      <c r="D5" s="25"/>
      <c r="E5" s="26"/>
    </row>
    <row r="6" spans="2:5" ht="30.6" customHeight="1" x14ac:dyDescent="0.2">
      <c r="B6" s="1"/>
      <c r="C6" s="1"/>
      <c r="D6" s="1"/>
    </row>
    <row r="7" spans="2:5" ht="30.6" customHeight="1" x14ac:dyDescent="0.2">
      <c r="B7" s="2" t="s">
        <v>1</v>
      </c>
      <c r="C7" s="27"/>
      <c r="D7" s="28"/>
      <c r="E7" s="29"/>
    </row>
    <row r="8" spans="2:5" ht="30.6" customHeight="1" x14ac:dyDescent="0.2">
      <c r="B8" s="2" t="s">
        <v>4</v>
      </c>
      <c r="C8" s="27"/>
      <c r="D8" s="28"/>
      <c r="E8" s="29"/>
    </row>
    <row r="9" spans="2:5" ht="30.6" customHeight="1" x14ac:dyDescent="0.2">
      <c r="B9" s="2" t="s">
        <v>2</v>
      </c>
      <c r="C9" s="27"/>
      <c r="D9" s="28"/>
      <c r="E9" s="29"/>
    </row>
    <row r="10" spans="2:5" ht="30.6" customHeight="1" x14ac:dyDescent="0.2">
      <c r="B10" s="2" t="s">
        <v>3</v>
      </c>
      <c r="C10" s="27"/>
      <c r="D10" s="28"/>
      <c r="E10" s="29"/>
    </row>
    <row r="11" spans="2:5" ht="18" customHeight="1" x14ac:dyDescent="0.2"/>
    <row r="12" spans="2:5" ht="30.6" customHeight="1" x14ac:dyDescent="0.2">
      <c r="B12" s="5" t="s">
        <v>11</v>
      </c>
      <c r="C12" s="8" t="s">
        <v>12</v>
      </c>
      <c r="D12" s="5"/>
    </row>
    <row r="13" spans="2:5" ht="30.6" customHeight="1" x14ac:dyDescent="0.2">
      <c r="B13" s="3" t="s">
        <v>16</v>
      </c>
      <c r="C13" s="6"/>
      <c r="D13" s="6"/>
      <c r="E13" s="4"/>
    </row>
    <row r="14" spans="2:5" ht="30.6" customHeight="1" x14ac:dyDescent="0.2">
      <c r="B14" s="3" t="s">
        <v>17</v>
      </c>
      <c r="C14" s="6"/>
      <c r="D14" s="6"/>
      <c r="E14" s="4"/>
    </row>
    <row r="15" spans="2:5" ht="30.6" customHeight="1" x14ac:dyDescent="0.2">
      <c r="B15" s="12" t="s">
        <v>10</v>
      </c>
      <c r="C15" s="11"/>
      <c r="D15" s="11"/>
      <c r="E15" s="11"/>
    </row>
    <row r="16" spans="2:5" ht="20.399999999999999" customHeight="1" x14ac:dyDescent="0.2">
      <c r="B16" s="23" t="s">
        <v>5</v>
      </c>
      <c r="C16" s="23"/>
      <c r="D16" s="23"/>
      <c r="E16" s="23"/>
    </row>
    <row r="17" spans="2:5" ht="20.399999999999999" customHeight="1" x14ac:dyDescent="0.2">
      <c r="B17" s="23" t="s">
        <v>8</v>
      </c>
      <c r="C17" s="23"/>
      <c r="D17" s="23"/>
      <c r="E17" s="23"/>
    </row>
    <row r="18" spans="2:5" ht="20.399999999999999" customHeight="1" x14ac:dyDescent="0.2">
      <c r="B18" s="20" t="s">
        <v>31</v>
      </c>
      <c r="C18" s="20"/>
      <c r="D18" s="20"/>
      <c r="E18" s="20"/>
    </row>
    <row r="19" spans="2:5" ht="20.399999999999999" customHeight="1" x14ac:dyDescent="0.2">
      <c r="B19" s="21" t="s">
        <v>13</v>
      </c>
      <c r="C19" s="21"/>
      <c r="D19" s="21"/>
      <c r="E19" s="21"/>
    </row>
    <row r="20" spans="2:5" ht="20.399999999999999" customHeight="1" thickBot="1" x14ac:dyDescent="0.25">
      <c r="B20" s="13" t="s">
        <v>34</v>
      </c>
      <c r="C20" s="13"/>
      <c r="D20" s="13"/>
      <c r="E20" s="13"/>
    </row>
    <row r="21" spans="2:5" s="1" customFormat="1" ht="64.8" customHeight="1" thickBot="1" x14ac:dyDescent="0.25">
      <c r="B21" s="7" t="s">
        <v>6</v>
      </c>
      <c r="C21" s="10" t="s">
        <v>7</v>
      </c>
    </row>
    <row r="22" spans="2:5" ht="22.8" customHeight="1" x14ac:dyDescent="0.2">
      <c r="B22" s="14" t="s">
        <v>20</v>
      </c>
      <c r="C22" s="15" t="s">
        <v>35</v>
      </c>
      <c r="D22" t="s">
        <v>32</v>
      </c>
    </row>
    <row r="23" spans="2:5" ht="22.8" customHeight="1" x14ac:dyDescent="0.2">
      <c r="B23" s="14" t="s">
        <v>21</v>
      </c>
      <c r="C23" s="16" t="s">
        <v>14</v>
      </c>
    </row>
    <row r="24" spans="2:5" ht="22.8" customHeight="1" x14ac:dyDescent="0.2">
      <c r="B24" s="14" t="s">
        <v>22</v>
      </c>
      <c r="C24" s="16" t="s">
        <v>35</v>
      </c>
    </row>
    <row r="25" spans="2:5" ht="22.8" customHeight="1" x14ac:dyDescent="0.2">
      <c r="B25" s="14" t="s">
        <v>23</v>
      </c>
      <c r="C25" s="16" t="s">
        <v>36</v>
      </c>
    </row>
    <row r="26" spans="2:5" ht="22.8" customHeight="1" x14ac:dyDescent="0.2">
      <c r="B26" s="14" t="s">
        <v>29</v>
      </c>
      <c r="C26" s="16" t="s">
        <v>30</v>
      </c>
    </row>
    <row r="27" spans="2:5" ht="22.8" customHeight="1" x14ac:dyDescent="0.2">
      <c r="B27" s="14" t="s">
        <v>24</v>
      </c>
      <c r="C27" s="16" t="s">
        <v>37</v>
      </c>
      <c r="D27" t="s">
        <v>33</v>
      </c>
    </row>
    <row r="28" spans="2:5" ht="22.8" customHeight="1" x14ac:dyDescent="0.2">
      <c r="B28" s="14" t="s">
        <v>25</v>
      </c>
      <c r="C28" s="16" t="s">
        <v>14</v>
      </c>
    </row>
    <row r="29" spans="2:5" ht="22.8" customHeight="1" x14ac:dyDescent="0.2">
      <c r="B29" s="14" t="s">
        <v>26</v>
      </c>
      <c r="C29" s="16" t="s">
        <v>35</v>
      </c>
      <c r="E29" s="2" t="s">
        <v>15</v>
      </c>
    </row>
    <row r="30" spans="2:5" ht="22.8" customHeight="1" x14ac:dyDescent="0.2">
      <c r="B30" s="14" t="s">
        <v>27</v>
      </c>
      <c r="C30" s="16" t="s">
        <v>35</v>
      </c>
      <c r="E30" s="19"/>
    </row>
    <row r="31" spans="2:5" ht="22.8" customHeight="1" thickBot="1" x14ac:dyDescent="0.25">
      <c r="B31" s="17" t="s">
        <v>28</v>
      </c>
      <c r="C31" s="18" t="s">
        <v>14</v>
      </c>
      <c r="D31" t="s">
        <v>32</v>
      </c>
      <c r="E31" s="19"/>
    </row>
    <row r="32" spans="2:5" ht="22.8" customHeight="1" x14ac:dyDescent="0.2"/>
    <row r="33" ht="22.8" customHeight="1" x14ac:dyDescent="0.2"/>
    <row r="34" ht="22.8" customHeight="1" x14ac:dyDescent="0.2"/>
    <row r="35" ht="22.8" customHeight="1" x14ac:dyDescent="0.2"/>
    <row r="36" ht="22.8" customHeight="1" x14ac:dyDescent="0.2"/>
    <row r="37" ht="22.8" customHeight="1" x14ac:dyDescent="0.2"/>
    <row r="38" ht="22.8" customHeight="1" x14ac:dyDescent="0.2"/>
    <row r="39" ht="22.8" customHeight="1" x14ac:dyDescent="0.2"/>
    <row r="40" ht="22.8" customHeight="1" x14ac:dyDescent="0.2"/>
    <row r="41" ht="22.8" customHeight="1" x14ac:dyDescent="0.2"/>
    <row r="42" ht="22.8" customHeight="1" x14ac:dyDescent="0.2"/>
    <row r="43" ht="22.8" customHeight="1" x14ac:dyDescent="0.2"/>
    <row r="44" ht="22.8" customHeight="1" x14ac:dyDescent="0.2"/>
    <row r="45" ht="22.8" customHeight="1" x14ac:dyDescent="0.2"/>
    <row r="46" ht="22.8" customHeight="1" x14ac:dyDescent="0.2"/>
    <row r="47" ht="22.8" customHeight="1" x14ac:dyDescent="0.2"/>
    <row r="48" ht="22.8" customHeight="1" x14ac:dyDescent="0.2"/>
    <row r="49" ht="22.8" customHeight="1" x14ac:dyDescent="0.2"/>
    <row r="50" ht="22.8" customHeight="1" x14ac:dyDescent="0.2"/>
    <row r="51" ht="22.8" customHeight="1" x14ac:dyDescent="0.2"/>
    <row r="52" ht="22.8" customHeight="1" x14ac:dyDescent="0.2"/>
    <row r="53" ht="22.8" customHeight="1" x14ac:dyDescent="0.2"/>
    <row r="54" ht="22.8" customHeight="1" x14ac:dyDescent="0.2"/>
    <row r="55" ht="22.8" customHeight="1" x14ac:dyDescent="0.2"/>
    <row r="56" ht="22.8" customHeight="1" x14ac:dyDescent="0.2"/>
    <row r="57" ht="22.8" customHeight="1" x14ac:dyDescent="0.2"/>
    <row r="58" ht="22.8" customHeight="1" x14ac:dyDescent="0.2"/>
    <row r="59" ht="22.8" customHeight="1" x14ac:dyDescent="0.2"/>
    <row r="60" ht="22.8" customHeight="1" x14ac:dyDescent="0.2"/>
    <row r="61" ht="22.8" customHeight="1" x14ac:dyDescent="0.2"/>
    <row r="62" ht="22.8" customHeight="1" x14ac:dyDescent="0.2"/>
    <row r="63" ht="22.8" customHeight="1" x14ac:dyDescent="0.2"/>
    <row r="64" ht="22.8" customHeight="1" x14ac:dyDescent="0.2"/>
    <row r="65" ht="22.8" customHeight="1" x14ac:dyDescent="0.2"/>
    <row r="66" ht="22.8" customHeight="1" x14ac:dyDescent="0.2"/>
    <row r="67" ht="22.8" customHeight="1" x14ac:dyDescent="0.2"/>
    <row r="68" ht="22.8" customHeight="1" x14ac:dyDescent="0.2"/>
    <row r="69" ht="22.8" customHeight="1" x14ac:dyDescent="0.2"/>
    <row r="70" ht="22.8" customHeight="1" x14ac:dyDescent="0.2"/>
    <row r="71" ht="22.8" customHeight="1" x14ac:dyDescent="0.2"/>
    <row r="72" ht="22.8" customHeight="1" x14ac:dyDescent="0.2"/>
    <row r="73" ht="22.8" customHeight="1" x14ac:dyDescent="0.2"/>
    <row r="74" ht="22.8" customHeight="1" x14ac:dyDescent="0.2"/>
    <row r="75" ht="22.8" customHeight="1" x14ac:dyDescent="0.2"/>
    <row r="76" ht="22.8" customHeight="1" x14ac:dyDescent="0.2"/>
    <row r="77" ht="22.8" customHeight="1" x14ac:dyDescent="0.2"/>
    <row r="78" ht="22.8" customHeight="1" x14ac:dyDescent="0.2"/>
    <row r="79" ht="22.8" customHeight="1" x14ac:dyDescent="0.2"/>
    <row r="80" ht="22.8" customHeight="1" x14ac:dyDescent="0.2"/>
    <row r="81" ht="22.8" customHeight="1" x14ac:dyDescent="0.2"/>
    <row r="82" ht="22.8" customHeight="1" x14ac:dyDescent="0.2"/>
    <row r="83" ht="22.8" customHeight="1" x14ac:dyDescent="0.2"/>
    <row r="84" ht="22.8" customHeight="1" x14ac:dyDescent="0.2"/>
    <row r="85" ht="22.8" customHeight="1" x14ac:dyDescent="0.2"/>
    <row r="86" ht="22.8" customHeight="1" x14ac:dyDescent="0.2"/>
    <row r="87" ht="22.8" customHeight="1" x14ac:dyDescent="0.2"/>
    <row r="88" ht="22.8" customHeight="1" x14ac:dyDescent="0.2"/>
    <row r="89" ht="22.8" customHeight="1" x14ac:dyDescent="0.2"/>
    <row r="90" ht="22.8" customHeight="1" x14ac:dyDescent="0.2"/>
    <row r="91" ht="22.8" customHeight="1" x14ac:dyDescent="0.2"/>
    <row r="92" ht="22.8" customHeight="1" x14ac:dyDescent="0.2"/>
    <row r="93" ht="22.8" customHeight="1" x14ac:dyDescent="0.2"/>
    <row r="94" ht="22.8" customHeight="1" x14ac:dyDescent="0.2"/>
    <row r="95" ht="22.8" customHeight="1" x14ac:dyDescent="0.2"/>
    <row r="96" ht="22.8" customHeight="1" x14ac:dyDescent="0.2"/>
    <row r="97" ht="22.8" customHeight="1" x14ac:dyDescent="0.2"/>
    <row r="98" ht="22.8" customHeight="1" x14ac:dyDescent="0.2"/>
    <row r="99" ht="22.8" customHeight="1" x14ac:dyDescent="0.2"/>
    <row r="100" ht="22.8" customHeight="1" x14ac:dyDescent="0.2"/>
    <row r="101" ht="22.8" customHeight="1" x14ac:dyDescent="0.2"/>
    <row r="102" ht="22.8" customHeight="1" x14ac:dyDescent="0.2"/>
    <row r="103" ht="22.8" customHeight="1" x14ac:dyDescent="0.2"/>
    <row r="104" ht="22.8" customHeight="1" x14ac:dyDescent="0.2"/>
    <row r="105" ht="22.8" customHeight="1" x14ac:dyDescent="0.2"/>
    <row r="106" ht="22.8" customHeight="1" x14ac:dyDescent="0.2"/>
    <row r="107" ht="22.8" customHeight="1" x14ac:dyDescent="0.2"/>
    <row r="108" ht="22.8" customHeight="1" x14ac:dyDescent="0.2"/>
    <row r="109" ht="22.8" customHeight="1" x14ac:dyDescent="0.2"/>
    <row r="110" ht="22.8" customHeight="1" x14ac:dyDescent="0.2"/>
    <row r="111" ht="22.8" customHeight="1" x14ac:dyDescent="0.2"/>
    <row r="112" ht="22.8" customHeight="1" x14ac:dyDescent="0.2"/>
    <row r="113" ht="22.8" customHeight="1" x14ac:dyDescent="0.2"/>
    <row r="114" ht="22.8" customHeight="1" x14ac:dyDescent="0.2"/>
    <row r="115" ht="22.8" customHeight="1" x14ac:dyDescent="0.2"/>
    <row r="116" ht="22.8" customHeight="1" x14ac:dyDescent="0.2"/>
    <row r="117" ht="22.8" customHeight="1" x14ac:dyDescent="0.2"/>
    <row r="118" ht="22.8" customHeight="1" x14ac:dyDescent="0.2"/>
    <row r="119" ht="22.8" customHeight="1" x14ac:dyDescent="0.2"/>
    <row r="120" ht="22.8" customHeight="1" x14ac:dyDescent="0.2"/>
    <row r="121" ht="22.8" customHeight="1" x14ac:dyDescent="0.2"/>
    <row r="122" ht="22.8" customHeight="1" x14ac:dyDescent="0.2"/>
    <row r="123" ht="22.8" customHeight="1" x14ac:dyDescent="0.2"/>
    <row r="124" ht="22.8" customHeight="1" x14ac:dyDescent="0.2"/>
    <row r="125" ht="22.8" customHeight="1" x14ac:dyDescent="0.2"/>
    <row r="126" ht="22.8" customHeight="1" x14ac:dyDescent="0.2"/>
    <row r="127" ht="22.8" customHeight="1" x14ac:dyDescent="0.2"/>
    <row r="128" ht="22.8" customHeight="1" x14ac:dyDescent="0.2"/>
    <row r="129" ht="22.8" customHeight="1" x14ac:dyDescent="0.2"/>
    <row r="130" ht="22.8" customHeight="1" x14ac:dyDescent="0.2"/>
    <row r="131" ht="22.8" customHeight="1" x14ac:dyDescent="0.2"/>
    <row r="132" ht="22.8" customHeight="1" x14ac:dyDescent="0.2"/>
    <row r="133" ht="22.8" customHeight="1" x14ac:dyDescent="0.2"/>
  </sheetData>
  <mergeCells count="11">
    <mergeCell ref="E30:E31"/>
    <mergeCell ref="B18:E18"/>
    <mergeCell ref="B19:E19"/>
    <mergeCell ref="B3:E3"/>
    <mergeCell ref="B16:E16"/>
    <mergeCell ref="B17:E17"/>
    <mergeCell ref="C5:E5"/>
    <mergeCell ref="C7:E7"/>
    <mergeCell ref="C8:E8"/>
    <mergeCell ref="C9:E9"/>
    <mergeCell ref="C10:E10"/>
  </mergeCells>
  <phoneticPr fontId="1"/>
  <pageMargins left="0.70866141732283472" right="0.70866141732283472" top="0.55118110236220474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日南田　歩美</cp:lastModifiedBy>
  <cp:lastPrinted>2024-03-07T07:32:26Z</cp:lastPrinted>
  <dcterms:created xsi:type="dcterms:W3CDTF">2018-06-27T00:38:06Z</dcterms:created>
  <dcterms:modified xsi:type="dcterms:W3CDTF">2024-03-07T07:35:05Z</dcterms:modified>
</cp:coreProperties>
</file>